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7-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7-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ur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B448CE05-12E7-84EB-AEA0-8F9989AC884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1254" y="4560411"/>
            <a:ext cx="2797123"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E931AFE4-E39E-EA3F-CF9B-D45BC90219C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7687" y="3841768"/>
            <a:ext cx="1952430" cy="146822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5-27T13:21:10Z</dcterms:modified>
</cp:coreProperties>
</file>